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D526158D-BF1D-4611-B0AE-9892DF4C119D}" xr6:coauthVersionLast="47" xr6:coauthVersionMax="47" xr10:uidLastSave="{00000000-0000-0000-0000-000000000000}"/>
  <bookViews>
    <workbookView xWindow="-120" yWindow="-120" windowWidth="29040" windowHeight="15720" xr2:uid="{0E9B70BA-0FF9-4E74-8C3A-2B80729ABFFB}"/>
  </bookViews>
  <sheets>
    <sheet name="３．（２) 富山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2"/>
      <color theme="1"/>
      <name val="BIZ UD明朝 Medium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horzOverflow="overflow" anchor="ctr" anchorCtr="1"/>
          <a:lstStyle/>
          <a:p>
            <a:pPr algn="ctr" rtl="0">
              <a:defRPr sz="1320">
                <a:solidFill>
                  <a:srgbClr val="000000"/>
                </a:solidFill>
              </a:defRPr>
            </a:pP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富山地域地区別人口増減率（</a:t>
            </a:r>
            <a:r>
              <a:rPr lang="en-US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R</a:t>
            </a:r>
            <a:r>
              <a:rPr lang="en-US" altLang="ja-JP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7</a:t>
            </a: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/</a:t>
            </a:r>
            <a:r>
              <a:rPr lang="en-US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R</a:t>
            </a:r>
            <a:r>
              <a:rPr lang="en-US" altLang="ja-JP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6</a:t>
            </a:r>
            <a:r>
              <a:rPr lang="en-US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)</a:t>
            </a:r>
            <a:endParaRPr lang="ja-JP" altLang="en-US" sz="1320" b="0" i="0" u="none" strike="noStrike" baseline="0">
              <a:solidFill>
                <a:srgbClr val="000000"/>
              </a:solidFill>
              <a:latin typeface="BIZ UDゴシック"/>
              <a:ea typeface="BIZ UDゴシック"/>
              <a:cs typeface="ＭＳ Ｐゴシック"/>
            </a:endParaRPr>
          </a:p>
        </c:rich>
      </c:tx>
      <c:layout>
        <c:manualLayout>
          <c:xMode val="edge"/>
          <c:yMode val="edge"/>
          <c:x val="0.33720212098993696"/>
          <c:y val="2.033902685241267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5.1486338005088166E-2"/>
          <c:y val="0.14236220472440944"/>
          <c:w val="0.90815273477812175"/>
          <c:h val="0.81694915254237288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7/R06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Pt>
            <c:idx val="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0-AAF5-43D0-8585-1DC2BCD10DC9}"/>
              </c:ext>
            </c:extLst>
          </c:dPt>
          <c:dPt>
            <c:idx val="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1-AAF5-43D0-8585-1DC2BCD10DC9}"/>
              </c:ext>
            </c:extLst>
          </c:dPt>
          <c:dPt>
            <c:idx val="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2-AAF5-43D0-8585-1DC2BCD10DC9}"/>
              </c:ext>
            </c:extLst>
          </c:dPt>
          <c:dPt>
            <c:idx val="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3-AAF5-43D0-8585-1DC2BCD10DC9}"/>
              </c:ext>
            </c:extLst>
          </c:dPt>
          <c:dPt>
            <c:idx val="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4-AAF5-43D0-8585-1DC2BCD10DC9}"/>
              </c:ext>
            </c:extLst>
          </c:dPt>
          <c:dPt>
            <c:idx val="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5-AAF5-43D0-8585-1DC2BCD10DC9}"/>
              </c:ext>
            </c:extLst>
          </c:dPt>
          <c:dPt>
            <c:idx val="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6-AAF5-43D0-8585-1DC2BCD10DC9}"/>
              </c:ext>
            </c:extLst>
          </c:dPt>
          <c:dPt>
            <c:idx val="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7-AAF5-43D0-8585-1DC2BCD10DC9}"/>
              </c:ext>
            </c:extLst>
          </c:dPt>
          <c:dPt>
            <c:idx val="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8-AAF5-43D0-8585-1DC2BCD10DC9}"/>
              </c:ext>
            </c:extLst>
          </c:dPt>
          <c:dPt>
            <c:idx val="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9-AAF5-43D0-8585-1DC2BCD10DC9}"/>
              </c:ext>
            </c:extLst>
          </c:dPt>
          <c:dPt>
            <c:idx val="1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A-AAF5-43D0-8585-1DC2BCD10DC9}"/>
              </c:ext>
            </c:extLst>
          </c:dPt>
          <c:dPt>
            <c:idx val="1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B-AAF5-43D0-8585-1DC2BCD10DC9}"/>
              </c:ext>
            </c:extLst>
          </c:dPt>
          <c:dPt>
            <c:idx val="1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C-AAF5-43D0-8585-1DC2BCD10DC9}"/>
              </c:ext>
            </c:extLst>
          </c:dPt>
          <c:dPt>
            <c:idx val="1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D-AAF5-43D0-8585-1DC2BCD10DC9}"/>
              </c:ext>
            </c:extLst>
          </c:dPt>
          <c:dPt>
            <c:idx val="1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E-AAF5-43D0-8585-1DC2BCD10DC9}"/>
              </c:ext>
            </c:extLst>
          </c:dPt>
          <c:dPt>
            <c:idx val="1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F-AAF5-43D0-8585-1DC2BCD10DC9}"/>
              </c:ext>
            </c:extLst>
          </c:dPt>
          <c:dPt>
            <c:idx val="1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0-AAF5-43D0-8585-1DC2BCD10DC9}"/>
              </c:ext>
            </c:extLst>
          </c:dPt>
          <c:dPt>
            <c:idx val="1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1-AAF5-43D0-8585-1DC2BCD10DC9}"/>
              </c:ext>
            </c:extLst>
          </c:dPt>
          <c:dPt>
            <c:idx val="1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2-AAF5-43D0-8585-1DC2BCD10DC9}"/>
              </c:ext>
            </c:extLst>
          </c:dPt>
          <c:dPt>
            <c:idx val="1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3-AAF5-43D0-8585-1DC2BCD10DC9}"/>
              </c:ext>
            </c:extLst>
          </c:dPt>
          <c:dPt>
            <c:idx val="2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4-AAF5-43D0-8585-1DC2BCD10DC9}"/>
              </c:ext>
            </c:extLst>
          </c:dPt>
          <c:dPt>
            <c:idx val="2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5-AAF5-43D0-8585-1DC2BCD10DC9}"/>
              </c:ext>
            </c:extLst>
          </c:dPt>
          <c:dPt>
            <c:idx val="2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6-AAF5-43D0-8585-1DC2BCD10DC9}"/>
              </c:ext>
            </c:extLst>
          </c:dPt>
          <c:dPt>
            <c:idx val="2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7-AAF5-43D0-8585-1DC2BCD10DC9}"/>
              </c:ext>
            </c:extLst>
          </c:dPt>
          <c:dPt>
            <c:idx val="2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8-AAF5-43D0-8585-1DC2BCD10DC9}"/>
              </c:ext>
            </c:extLst>
          </c:dPt>
          <c:dPt>
            <c:idx val="2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9-AAF5-43D0-8585-1DC2BCD10DC9}"/>
              </c:ext>
            </c:extLst>
          </c:dPt>
          <c:dPt>
            <c:idx val="2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A-AAF5-43D0-8585-1DC2BCD10DC9}"/>
              </c:ext>
            </c:extLst>
          </c:dPt>
          <c:dPt>
            <c:idx val="2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B-AAF5-43D0-8585-1DC2BCD10DC9}"/>
              </c:ext>
            </c:extLst>
          </c:dPt>
          <c:dPt>
            <c:idx val="2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C-AAF5-43D0-8585-1DC2BCD10DC9}"/>
              </c:ext>
            </c:extLst>
          </c:dPt>
          <c:dPt>
            <c:idx val="2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D-AAF5-43D0-8585-1DC2BCD10DC9}"/>
              </c:ext>
            </c:extLst>
          </c:dPt>
          <c:dPt>
            <c:idx val="3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E-AAF5-43D0-8585-1DC2BCD10DC9}"/>
              </c:ext>
            </c:extLst>
          </c:dPt>
          <c:dPt>
            <c:idx val="3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F-AAF5-43D0-8585-1DC2BCD10DC9}"/>
              </c:ext>
            </c:extLst>
          </c:dPt>
          <c:dPt>
            <c:idx val="3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0-AAF5-43D0-8585-1DC2BCD10DC9}"/>
              </c:ext>
            </c:extLst>
          </c:dPt>
          <c:dPt>
            <c:idx val="3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1-AAF5-43D0-8585-1DC2BCD10DC9}"/>
              </c:ext>
            </c:extLst>
          </c:dPt>
          <c:dPt>
            <c:idx val="3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2-AAF5-43D0-8585-1DC2BCD10DC9}"/>
              </c:ext>
            </c:extLst>
          </c:dPt>
          <c:dPt>
            <c:idx val="3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3-AAF5-43D0-8585-1DC2BCD10DC9}"/>
              </c:ext>
            </c:extLst>
          </c:dPt>
          <c:dPt>
            <c:idx val="3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4-AAF5-43D0-8585-1DC2BCD10DC9}"/>
              </c:ext>
            </c:extLst>
          </c:dPt>
          <c:dPt>
            <c:idx val="3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5-AAF5-43D0-8585-1DC2BCD10DC9}"/>
              </c:ext>
            </c:extLst>
          </c:dPt>
          <c:dPt>
            <c:idx val="3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6-AAF5-43D0-8585-1DC2BCD10DC9}"/>
              </c:ext>
            </c:extLst>
          </c:dPt>
          <c:dPt>
            <c:idx val="3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7-AAF5-43D0-8585-1DC2BCD10DC9}"/>
              </c:ext>
            </c:extLst>
          </c:dPt>
          <c:dPt>
            <c:idx val="4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8-AAF5-43D0-8585-1DC2BCD10DC9}"/>
              </c:ext>
            </c:extLst>
          </c:dPt>
          <c:dPt>
            <c:idx val="4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9-AAF5-43D0-8585-1DC2BCD10DC9}"/>
              </c:ext>
            </c:extLst>
          </c:dPt>
          <c:dPt>
            <c:idx val="4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A-AAF5-43D0-8585-1DC2BCD10DC9}"/>
              </c:ext>
            </c:extLst>
          </c:dPt>
          <c:dPt>
            <c:idx val="4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B-AAF5-43D0-8585-1DC2BCD10DC9}"/>
              </c:ext>
            </c:extLst>
          </c:dPt>
          <c:dPt>
            <c:idx val="4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C-AAF5-43D0-8585-1DC2BCD10DC9}"/>
              </c:ext>
            </c:extLst>
          </c:dPt>
          <c:dPt>
            <c:idx val="4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D-AAF5-43D0-8585-1DC2BCD10DC9}"/>
              </c:ext>
            </c:extLst>
          </c:dPt>
          <c:dPt>
            <c:idx val="4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E-AAF5-43D0-8585-1DC2BCD10DC9}"/>
              </c:ext>
            </c:extLst>
          </c:dPt>
          <c:dPt>
            <c:idx val="4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2F-AAF5-43D0-8585-1DC2BCD10DC9}"/>
              </c:ext>
            </c:extLst>
          </c:dPt>
          <c:dPt>
            <c:idx val="4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30-AAF5-43D0-8585-1DC2BCD10DC9}"/>
              </c:ext>
            </c:extLst>
          </c:dPt>
          <c:dPt>
            <c:idx val="4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31-AAF5-43D0-8585-1DC2BCD10DC9}"/>
              </c:ext>
            </c:extLst>
          </c:dPt>
          <c:dLbls>
            <c:dLbl>
              <c:idx val="0"/>
              <c:layout>
                <c:manualLayout>
                  <c:x val="2.7294438758102973E-3"/>
                  <c:y val="0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AAF5-43D0-8585-1DC2BCD10DC9}"/>
                </c:ext>
              </c:extLst>
            </c:dLbl>
            <c:dLbl>
              <c:idx val="1"/>
              <c:layout>
                <c:manualLayout>
                  <c:x val="-1.3647219379051519E-3"/>
                  <c:y val="6.2597809076682318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AAF5-43D0-8585-1DC2BCD10DC9}"/>
                </c:ext>
              </c:extLst>
            </c:dLbl>
            <c:dLbl>
              <c:idx val="2"/>
              <c:layout>
                <c:manualLayout>
                  <c:x val="0"/>
                  <c:y val="6.2597809076682318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AAF5-43D0-8585-1DC2BCD10DC9}"/>
                </c:ext>
              </c:extLst>
            </c:dLbl>
            <c:dLbl>
              <c:idx val="3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3-AAF5-43D0-8585-1DC2BCD10DC9}"/>
                </c:ext>
              </c:extLst>
            </c:dLbl>
            <c:dLbl>
              <c:idx val="4"/>
              <c:layout>
                <c:manualLayout>
                  <c:x val="-2.7294438758103039E-3"/>
                  <c:y val="4.1731872717789744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AAF5-43D0-8585-1DC2BCD10DC9}"/>
                </c:ext>
              </c:extLst>
            </c:dLbl>
            <c:dLbl>
              <c:idx val="5"/>
              <c:layout>
                <c:manualLayout>
                  <c:x val="-4.0941658137154556E-3"/>
                  <c:y val="-2.712528488797819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AAF5-43D0-8585-1DC2BCD10DC9}"/>
                </c:ext>
              </c:extLst>
            </c:dLbl>
            <c:dLbl>
              <c:idx val="6"/>
              <c:layout>
                <c:manualLayout>
                  <c:x val="-2.7294438758103039E-3"/>
                  <c:y val="-7.7203800229196706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AAF5-43D0-8585-1DC2BCD10DC9}"/>
                </c:ext>
              </c:extLst>
            </c:dLbl>
            <c:dLbl>
              <c:idx val="7"/>
              <c:layout>
                <c:manualLayout>
                  <c:x val="-2.7294438758103039E-3"/>
                  <c:y val="-8.137665890355239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AAF5-43D0-8585-1DC2BCD10DC9}"/>
                </c:ext>
              </c:extLst>
            </c:dLbl>
            <c:dLbl>
              <c:idx val="8"/>
              <c:layout>
                <c:manualLayout>
                  <c:x val="0"/>
                  <c:y val="-1.4606155451225874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AAF5-43D0-8585-1DC2BCD10DC9}"/>
                </c:ext>
              </c:extLst>
            </c:dLbl>
            <c:dLbl>
              <c:idx val="9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9-AAF5-43D0-8585-1DC2BCD10DC9}"/>
                </c:ext>
              </c:extLst>
            </c:dLbl>
            <c:dLbl>
              <c:idx val="10"/>
              <c:layout>
                <c:manualLayout>
                  <c:x val="-1.3647219379051769E-3"/>
                  <c:y val="-5.6337863870302596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AAF5-43D0-8585-1DC2BCD10DC9}"/>
                </c:ext>
              </c:extLst>
            </c:dLbl>
            <c:dLbl>
              <c:idx val="11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B-AAF5-43D0-8585-1DC2BCD10DC9}"/>
                </c:ext>
              </c:extLst>
            </c:dLbl>
            <c:dLbl>
              <c:idx val="12"/>
              <c:layout>
                <c:manualLayout>
                  <c:x val="-5.4588877516206077E-3"/>
                  <c:y val="-2.086478626791384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AAF5-43D0-8585-1DC2BCD10DC9}"/>
                </c:ext>
              </c:extLst>
            </c:dLbl>
            <c:dLbl>
              <c:idx val="13"/>
              <c:layout>
                <c:manualLayout>
                  <c:x val="-2.7294438758103039E-3"/>
                  <c:y val="-6.0510722544658446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AAF5-43D0-8585-1DC2BCD10DC9}"/>
                </c:ext>
              </c:extLst>
            </c:dLbl>
            <c:dLbl>
              <c:idx val="14"/>
              <c:layout>
                <c:manualLayout>
                  <c:x val="-1.3647219379051519E-3"/>
                  <c:y val="1.5301509898840931E-16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AAF5-43D0-8585-1DC2BCD10DC9}"/>
                </c:ext>
              </c:extLst>
            </c:dLbl>
            <c:dLbl>
              <c:idx val="15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F-AAF5-43D0-8585-1DC2BCD10DC9}"/>
                </c:ext>
              </c:extLst>
            </c:dLbl>
            <c:dLbl>
              <c:idx val="16"/>
              <c:layout>
                <c:manualLayout>
                  <c:x val="-2.7294438758103537E-3"/>
                  <c:y val="2.0865936358894104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AAF5-43D0-8585-1DC2BCD10DC9}"/>
                </c:ext>
              </c:extLst>
            </c:dLbl>
            <c:dLbl>
              <c:idx val="17"/>
              <c:layout>
                <c:manualLayout>
                  <c:x val="-2.7294438758103537E-3"/>
                  <c:y val="4.1735158692017956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AAF5-43D0-8585-1DC2BCD10DC9}"/>
                </c:ext>
              </c:extLst>
            </c:dLbl>
            <c:dLbl>
              <c:idx val="18"/>
              <c:layout>
                <c:manualLayout>
                  <c:x val="0"/>
                  <c:y val="-2.503912363067292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AAF5-43D0-8585-1DC2BCD10DC9}"/>
                </c:ext>
              </c:extLst>
            </c:dLbl>
            <c:dLbl>
              <c:idx val="19"/>
              <c:layout>
                <c:manualLayout>
                  <c:x val="-1.3647219379051018E-3"/>
                  <c:y val="-2.08657720601827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AAF5-43D0-8585-1DC2BCD10DC9}"/>
                </c:ext>
              </c:extLst>
            </c:dLbl>
            <c:dLbl>
              <c:idx val="20"/>
              <c:layout>
                <c:manualLayout>
                  <c:x val="0"/>
                  <c:y val="-1.0432968179447054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AAF5-43D0-8585-1DC2BCD10DC9}"/>
                </c:ext>
              </c:extLst>
            </c:dLbl>
            <c:dLbl>
              <c:idx val="21"/>
              <c:layout>
                <c:manualLayout>
                  <c:x val="-5.0039226332442959E-17"/>
                  <c:y val="-1.669258478840379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AAF5-43D0-8585-1DC2BCD10DC9}"/>
                </c:ext>
              </c:extLst>
            </c:dLbl>
            <c:dLbl>
              <c:idx val="22"/>
              <c:layout>
                <c:manualLayout>
                  <c:x val="-5.0039226332442959E-17"/>
                  <c:y val="-2.9211982305028774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AAF5-43D0-8585-1DC2BCD10DC9}"/>
                </c:ext>
              </c:extLst>
            </c:dLbl>
            <c:dLbl>
              <c:idx val="23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17-AAF5-43D0-8585-1DC2BCD10DC9}"/>
                </c:ext>
              </c:extLst>
            </c:dLbl>
            <c:dLbl>
              <c:idx val="24"/>
              <c:layout>
                <c:manualLayout>
                  <c:x val="0"/>
                  <c:y val="-1.251956181533654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AAF5-43D0-8585-1DC2BCD10DC9}"/>
                </c:ext>
              </c:extLst>
            </c:dLbl>
            <c:dLbl>
              <c:idx val="25"/>
              <c:layout>
                <c:manualLayout>
                  <c:x val="1.3647219379051519E-3"/>
                  <c:y val="0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AAF5-43D0-8585-1DC2BCD10DC9}"/>
                </c:ext>
              </c:extLst>
            </c:dLbl>
            <c:dLbl>
              <c:idx val="26"/>
              <c:layout>
                <c:manualLayout>
                  <c:x val="-4.0941658137154556E-3"/>
                  <c:y val="-7.302979146386044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AAF5-43D0-8585-1DC2BCD10DC9}"/>
                </c:ext>
              </c:extLst>
            </c:dLbl>
            <c:dLbl>
              <c:idx val="27"/>
              <c:layout>
                <c:manualLayout>
                  <c:x val="0"/>
                  <c:y val="-4.3818302054966132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AAF5-43D0-8585-1DC2BCD10DC9}"/>
                </c:ext>
              </c:extLst>
            </c:dLbl>
            <c:dLbl>
              <c:idx val="28"/>
              <c:layout>
                <c:manualLayout>
                  <c:x val="0"/>
                  <c:y val="-2.0790034474530809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AAF5-43D0-8585-1DC2BCD10DC9}"/>
                </c:ext>
              </c:extLst>
            </c:dLbl>
            <c:dLbl>
              <c:idx val="29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1D-AAF5-43D0-8585-1DC2BCD10DC9}"/>
                </c:ext>
              </c:extLst>
            </c:dLbl>
            <c:dLbl>
              <c:idx val="30"/>
              <c:layout>
                <c:manualLayout>
                  <c:x val="0"/>
                  <c:y val="-8.3463745435576418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AAF5-43D0-8585-1DC2BCD10DC9}"/>
                </c:ext>
              </c:extLst>
            </c:dLbl>
            <c:dLbl>
              <c:idx val="31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1F-AAF5-43D0-8585-1DC2BCD10DC9}"/>
                </c:ext>
              </c:extLst>
            </c:dLbl>
            <c:dLbl>
              <c:idx val="32"/>
              <c:layout>
                <c:manualLayout>
                  <c:x val="0"/>
                  <c:y val="-1.4606155451225721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0-AAF5-43D0-8585-1DC2BCD10DC9}"/>
                </c:ext>
              </c:extLst>
            </c:dLbl>
            <c:dLbl>
              <c:idx val="33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1-AAF5-43D0-8585-1DC2BCD10DC9}"/>
                </c:ext>
              </c:extLst>
            </c:dLbl>
            <c:dLbl>
              <c:idx val="34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2-AAF5-43D0-8585-1DC2BCD10DC9}"/>
                </c:ext>
              </c:extLst>
            </c:dLbl>
            <c:dLbl>
              <c:idx val="35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3-AAF5-43D0-8585-1DC2BCD10DC9}"/>
                </c:ext>
              </c:extLst>
            </c:dLbl>
            <c:dLbl>
              <c:idx val="36"/>
              <c:layout>
                <c:manualLayout>
                  <c:x val="-1.0007845266488592E-16"/>
                  <c:y val="-4.590489569085554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4-AAF5-43D0-8585-1DC2BCD10DC9}"/>
                </c:ext>
              </c:extLst>
            </c:dLbl>
            <c:dLbl>
              <c:idx val="37"/>
              <c:layout>
                <c:manualLayout>
                  <c:x val="-1.3647219379051519E-3"/>
                  <c:y val="-2.9212146603740261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5-AAF5-43D0-8585-1DC2BCD10DC9}"/>
                </c:ext>
              </c:extLst>
            </c:dLbl>
            <c:dLbl>
              <c:idx val="38"/>
              <c:layout>
                <c:manualLayout>
                  <c:x val="-2.7294438758104036E-3"/>
                  <c:y val="4.1733515704904618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6-AAF5-43D0-8585-1DC2BCD10DC9}"/>
                </c:ext>
              </c:extLst>
            </c:dLbl>
            <c:dLbl>
              <c:idx val="39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7-AAF5-43D0-8585-1DC2BCD10DC9}"/>
                </c:ext>
              </c:extLst>
            </c:dLbl>
            <c:dLbl>
              <c:idx val="40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8-AAF5-43D0-8585-1DC2BCD10DC9}"/>
                </c:ext>
              </c:extLst>
            </c:dLbl>
            <c:dLbl>
              <c:idx val="41"/>
              <c:layout>
                <c:manualLayout>
                  <c:x val="-1.3647219379052519E-3"/>
                  <c:y val="-6.2597191025103055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9-AAF5-43D0-8585-1DC2BCD10DC9}"/>
                </c:ext>
              </c:extLst>
            </c:dLbl>
            <c:dLbl>
              <c:idx val="42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A-AAF5-43D0-8585-1DC2BCD10DC9}"/>
                </c:ext>
              </c:extLst>
            </c:dLbl>
            <c:dLbl>
              <c:idx val="43"/>
              <c:layout>
                <c:manualLayout>
                  <c:x val="0"/>
                  <c:y val="-2.0865936358894107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B-AAF5-43D0-8585-1DC2BCD10DC9}"/>
                </c:ext>
              </c:extLst>
            </c:dLbl>
            <c:dLbl>
              <c:idx val="44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C-AAF5-43D0-8585-1DC2BCD10DC9}"/>
                </c:ext>
              </c:extLst>
            </c:dLbl>
            <c:dLbl>
              <c:idx val="45"/>
              <c:layout>
                <c:manualLayout>
                  <c:x val="-1.0007845266488592E-16"/>
                  <c:y val="-8.3463745435576418E-3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D-AAF5-43D0-8585-1DC2BCD10DC9}"/>
                </c:ext>
              </c:extLst>
            </c:dLbl>
            <c:dLbl>
              <c:idx val="46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E-AAF5-43D0-8585-1DC2BCD10DC9}"/>
                </c:ext>
              </c:extLst>
            </c:dLbl>
            <c:dLbl>
              <c:idx val="47"/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2F-AAF5-43D0-8585-1DC2BCD10DC9}"/>
                </c:ext>
              </c:extLst>
            </c:dLbl>
            <c:dLbl>
              <c:idx val="48"/>
              <c:layout>
                <c:manualLayout>
                  <c:x val="-1.3647219379051519E-3"/>
                  <c:y val="-7.7203635930485209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0-AAF5-43D0-8585-1DC2BCD10DC9}"/>
                </c:ext>
              </c:extLst>
            </c:dLbl>
            <c:dLbl>
              <c:idx val="49"/>
              <c:layout>
                <c:manualLayout>
                  <c:x val="-5.4588877516206077E-3"/>
                  <c:y val="-0.10641594683293697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horzOverflow="overflow">
                  <a:spAutoFit/>
                </a:bodyPr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1-AAF5-43D0-8585-1DC2BCD10DC9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horzOverflow="overflow" anchor="ctr" anchorCtr="1">
                <a:spAutoFit/>
              </a:bodyPr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endParaRPr lang="ja-JP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I$3:$I$52</c:f>
              <c:numCache>
                <c:formatCode>#,##0.0_ </c:formatCode>
                <c:ptCount val="50"/>
                <c:pt idx="0">
                  <c:v>1.3</c:v>
                </c:pt>
                <c:pt idx="1">
                  <c:v>3.6</c:v>
                </c:pt>
                <c:pt idx="2">
                  <c:v>5.5</c:v>
                </c:pt>
                <c:pt idx="3">
                  <c:v>-1.7</c:v>
                </c:pt>
                <c:pt idx="4">
                  <c:v>-1.1000000000000001</c:v>
                </c:pt>
                <c:pt idx="5">
                  <c:v>-1</c:v>
                </c:pt>
                <c:pt idx="6">
                  <c:v>-0.1</c:v>
                </c:pt>
                <c:pt idx="7">
                  <c:v>-0.4</c:v>
                </c:pt>
                <c:pt idx="8">
                  <c:v>-1.6</c:v>
                </c:pt>
                <c:pt idx="9">
                  <c:v>0.2</c:v>
                </c:pt>
                <c:pt idx="10">
                  <c:v>-0.4</c:v>
                </c:pt>
                <c:pt idx="11">
                  <c:v>-1.4</c:v>
                </c:pt>
                <c:pt idx="12">
                  <c:v>-0.6</c:v>
                </c:pt>
                <c:pt idx="13">
                  <c:v>-0.4</c:v>
                </c:pt>
                <c:pt idx="14">
                  <c:v>-1.6</c:v>
                </c:pt>
                <c:pt idx="15">
                  <c:v>0.1</c:v>
                </c:pt>
                <c:pt idx="16">
                  <c:v>-1.5</c:v>
                </c:pt>
                <c:pt idx="17">
                  <c:v>-2.7</c:v>
                </c:pt>
                <c:pt idx="18">
                  <c:v>-1.1000000000000001</c:v>
                </c:pt>
                <c:pt idx="19">
                  <c:v>-0.8</c:v>
                </c:pt>
                <c:pt idx="20">
                  <c:v>-1.5</c:v>
                </c:pt>
                <c:pt idx="21">
                  <c:v>-1</c:v>
                </c:pt>
                <c:pt idx="22">
                  <c:v>-0.5</c:v>
                </c:pt>
                <c:pt idx="23">
                  <c:v>1.3</c:v>
                </c:pt>
                <c:pt idx="24">
                  <c:v>0.4</c:v>
                </c:pt>
                <c:pt idx="25">
                  <c:v>0.2</c:v>
                </c:pt>
                <c:pt idx="26">
                  <c:v>-0.1</c:v>
                </c:pt>
                <c:pt idx="27">
                  <c:v>-0.9</c:v>
                </c:pt>
                <c:pt idx="28">
                  <c:v>-0.8</c:v>
                </c:pt>
                <c:pt idx="29">
                  <c:v>0.2</c:v>
                </c:pt>
                <c:pt idx="30">
                  <c:v>0.8</c:v>
                </c:pt>
                <c:pt idx="31">
                  <c:v>-1.7</c:v>
                </c:pt>
                <c:pt idx="32">
                  <c:v>-1.1000000000000001</c:v>
                </c:pt>
                <c:pt idx="33">
                  <c:v>-0.9</c:v>
                </c:pt>
                <c:pt idx="34">
                  <c:v>-3.3</c:v>
                </c:pt>
                <c:pt idx="35">
                  <c:v>-1.8</c:v>
                </c:pt>
                <c:pt idx="36">
                  <c:v>-0.3</c:v>
                </c:pt>
                <c:pt idx="37">
                  <c:v>-0.8</c:v>
                </c:pt>
                <c:pt idx="38">
                  <c:v>-2.2000000000000002</c:v>
                </c:pt>
                <c:pt idx="39">
                  <c:v>-2.6</c:v>
                </c:pt>
                <c:pt idx="40">
                  <c:v>-1.5</c:v>
                </c:pt>
                <c:pt idx="41">
                  <c:v>-0.1</c:v>
                </c:pt>
                <c:pt idx="42">
                  <c:v>-2.5</c:v>
                </c:pt>
                <c:pt idx="43">
                  <c:v>-1.3</c:v>
                </c:pt>
                <c:pt idx="44">
                  <c:v>0.1</c:v>
                </c:pt>
                <c:pt idx="45">
                  <c:v>-1.8</c:v>
                </c:pt>
                <c:pt idx="46">
                  <c:v>-1.2</c:v>
                </c:pt>
                <c:pt idx="47">
                  <c:v>-3.2</c:v>
                </c:pt>
                <c:pt idx="48">
                  <c:v>-0.1</c:v>
                </c:pt>
                <c:pt idx="49">
                  <c:v>-0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2-AAF5-43D0-8585-1DC2BCD10DC9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horzOverflow="overflow" vert="wordArtVertRtl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At val="0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  <c:max val="6"/>
          <c:min val="-4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horzOverflow="overflow" anchor="ctr" anchorCtr="1"/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r>
                  <a:rPr lang="ja-JP" altLang="en-US" sz="1100" b="0" i="0" u="none" strike="noStrike" baseline="0">
                    <a:solidFill>
                      <a:srgbClr val="000000"/>
                    </a:solidFill>
                    <a:latin typeface="BIZ UDゴシック"/>
                    <a:ea typeface="BIZ UDゴシック"/>
                    <a:cs typeface="ＭＳ Ｐゴシック"/>
                  </a:rPr>
                  <a:t>％</a:t>
                </a:r>
              </a:p>
            </c:rich>
          </c:tx>
          <c:layout>
            <c:manualLayout>
              <c:xMode val="edge"/>
              <c:yMode val="edge"/>
              <c:x val="3.7449392712550607E-2"/>
              <c:y val="8.9230769230769225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.0_ " sourceLinked="1"/>
        <c:majorTickMark val="out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1"/>
        <c:crosses val="autoZero"/>
        <c:crossBetween val="between"/>
        <c:majorUnit val="1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extLst/>
</c:chartSpac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22CB6C2F-0717-4F42-B832-1B2A627A45EA}">
  <sheetPr codeName="Graph95"/>
  <sheetViews>
    <sheetView tabSelected="1" workbookViewId="0"/>
  </sheetViews>
  <pageMargins left="0.7" right="0.7" top="0.75" bottom="0.75" header="0.3" footer="0.3"/>
  <pageSetup paperSize="9" orientation="landscape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5925" cy="607695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A044F50C-0DEF-4047-883B-09286A177EA1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7/R06）</v>
          </cell>
        </row>
        <row r="3">
          <cell r="A3" t="str">
            <v>総曲輪</v>
          </cell>
          <cell r="I3">
            <v>1.3</v>
          </cell>
        </row>
        <row r="4">
          <cell r="A4" t="str">
            <v>愛宕</v>
          </cell>
          <cell r="I4">
            <v>3.6</v>
          </cell>
        </row>
        <row r="5">
          <cell r="A5" t="str">
            <v>安野屋</v>
          </cell>
          <cell r="I5">
            <v>5.5</v>
          </cell>
        </row>
        <row r="6">
          <cell r="A6" t="str">
            <v>八人町</v>
          </cell>
          <cell r="I6">
            <v>-1.7</v>
          </cell>
        </row>
        <row r="7">
          <cell r="A7" t="str">
            <v>五番町</v>
          </cell>
          <cell r="I7">
            <v>-1.1000000000000001</v>
          </cell>
        </row>
        <row r="8">
          <cell r="A8" t="str">
            <v>柳町</v>
          </cell>
          <cell r="I8">
            <v>-1</v>
          </cell>
        </row>
        <row r="9">
          <cell r="A9" t="str">
            <v>清水町</v>
          </cell>
          <cell r="I9">
            <v>-0.1</v>
          </cell>
        </row>
        <row r="10">
          <cell r="A10" t="str">
            <v>星井町</v>
          </cell>
          <cell r="I10">
            <v>-0.4</v>
          </cell>
        </row>
        <row r="11">
          <cell r="A11" t="str">
            <v>西田地方</v>
          </cell>
          <cell r="I11">
            <v>-1.6</v>
          </cell>
        </row>
        <row r="12">
          <cell r="A12" t="str">
            <v>堀川</v>
          </cell>
          <cell r="I12">
            <v>0.2</v>
          </cell>
        </row>
        <row r="13">
          <cell r="A13" t="str">
            <v>堀川南</v>
          </cell>
          <cell r="I13">
            <v>-0.4</v>
          </cell>
        </row>
        <row r="14">
          <cell r="A14" t="str">
            <v>東部</v>
          </cell>
          <cell r="I14">
            <v>-1.4</v>
          </cell>
        </row>
        <row r="15">
          <cell r="A15" t="str">
            <v>奥田</v>
          </cell>
          <cell r="I15">
            <v>-0.6</v>
          </cell>
        </row>
        <row r="16">
          <cell r="A16" t="str">
            <v>奥田北</v>
          </cell>
          <cell r="I16">
            <v>-0.4</v>
          </cell>
        </row>
        <row r="17">
          <cell r="A17" t="str">
            <v>桜谷</v>
          </cell>
          <cell r="I17">
            <v>-1.6</v>
          </cell>
        </row>
        <row r="18">
          <cell r="A18" t="str">
            <v>五福</v>
          </cell>
          <cell r="I18">
            <v>0.1</v>
          </cell>
        </row>
        <row r="19">
          <cell r="A19" t="str">
            <v>神明</v>
          </cell>
          <cell r="I19">
            <v>-1.5</v>
          </cell>
        </row>
        <row r="20">
          <cell r="A20" t="str">
            <v>岩瀬</v>
          </cell>
          <cell r="I20">
            <v>-2.7</v>
          </cell>
        </row>
        <row r="21">
          <cell r="A21" t="str">
            <v>萩浦</v>
          </cell>
          <cell r="I21">
            <v>-1.1000000000000001</v>
          </cell>
        </row>
        <row r="22">
          <cell r="A22" t="str">
            <v>大広田</v>
          </cell>
          <cell r="I22">
            <v>-0.8</v>
          </cell>
        </row>
        <row r="23">
          <cell r="A23" t="str">
            <v>浜黒崎</v>
          </cell>
          <cell r="I23">
            <v>-1.5</v>
          </cell>
        </row>
        <row r="24">
          <cell r="A24" t="str">
            <v>針原</v>
          </cell>
          <cell r="I24">
            <v>-1</v>
          </cell>
        </row>
        <row r="25">
          <cell r="A25" t="str">
            <v>豊田</v>
          </cell>
          <cell r="I25">
            <v>-0.5</v>
          </cell>
        </row>
        <row r="26">
          <cell r="A26" t="str">
            <v>広田</v>
          </cell>
          <cell r="I26">
            <v>1.3</v>
          </cell>
        </row>
        <row r="27">
          <cell r="A27" t="str">
            <v>新庄</v>
          </cell>
          <cell r="I27">
            <v>0.4</v>
          </cell>
        </row>
        <row r="28">
          <cell r="A28" t="str">
            <v>藤ノ木</v>
          </cell>
          <cell r="I28">
            <v>0.2</v>
          </cell>
        </row>
        <row r="29">
          <cell r="A29" t="str">
            <v>山室</v>
          </cell>
          <cell r="I29">
            <v>-0.1</v>
          </cell>
        </row>
        <row r="30">
          <cell r="A30" t="str">
            <v>山室中部</v>
          </cell>
          <cell r="I30">
            <v>-0.9</v>
          </cell>
        </row>
        <row r="31">
          <cell r="A31" t="str">
            <v>太田</v>
          </cell>
          <cell r="I31">
            <v>-0.8</v>
          </cell>
        </row>
        <row r="32">
          <cell r="A32" t="str">
            <v>蜷川</v>
          </cell>
          <cell r="I32">
            <v>0.2</v>
          </cell>
        </row>
        <row r="33">
          <cell r="A33" t="str">
            <v>新保</v>
          </cell>
          <cell r="I33">
            <v>0.8</v>
          </cell>
        </row>
        <row r="34">
          <cell r="A34" t="str">
            <v>熊野</v>
          </cell>
          <cell r="I34">
            <v>-1.7</v>
          </cell>
        </row>
        <row r="35">
          <cell r="A35" t="str">
            <v>月岡</v>
          </cell>
          <cell r="I35">
            <v>-1.1000000000000001</v>
          </cell>
        </row>
        <row r="36">
          <cell r="A36" t="str">
            <v>四方</v>
          </cell>
          <cell r="I36">
            <v>-0.9</v>
          </cell>
        </row>
        <row r="37">
          <cell r="A37" t="str">
            <v>八幡</v>
          </cell>
          <cell r="I37">
            <v>-3.3</v>
          </cell>
        </row>
        <row r="38">
          <cell r="A38" t="str">
            <v>草島</v>
          </cell>
          <cell r="I38">
            <v>-1.8</v>
          </cell>
        </row>
        <row r="39">
          <cell r="A39" t="str">
            <v>倉垣</v>
          </cell>
          <cell r="I39">
            <v>-0.3</v>
          </cell>
        </row>
        <row r="40">
          <cell r="A40" t="str">
            <v>呉羽</v>
          </cell>
          <cell r="I40">
            <v>-0.8</v>
          </cell>
        </row>
        <row r="41">
          <cell r="A41" t="str">
            <v>長岡</v>
          </cell>
          <cell r="I41">
            <v>-2.2000000000000002</v>
          </cell>
        </row>
        <row r="42">
          <cell r="A42" t="str">
            <v>寒江</v>
          </cell>
          <cell r="I42">
            <v>-2.6</v>
          </cell>
        </row>
        <row r="43">
          <cell r="A43" t="str">
            <v>古沢</v>
          </cell>
          <cell r="I43">
            <v>-1.5</v>
          </cell>
        </row>
        <row r="44">
          <cell r="A44" t="str">
            <v>老田</v>
          </cell>
          <cell r="I44">
            <v>-0.1</v>
          </cell>
        </row>
        <row r="45">
          <cell r="A45" t="str">
            <v>池多</v>
          </cell>
          <cell r="I45">
            <v>-2.5</v>
          </cell>
        </row>
        <row r="46">
          <cell r="A46" t="str">
            <v>水橋中部</v>
          </cell>
          <cell r="I46">
            <v>-1.3</v>
          </cell>
        </row>
        <row r="47">
          <cell r="A47" t="str">
            <v>水橋西部</v>
          </cell>
          <cell r="I47">
            <v>0.1</v>
          </cell>
        </row>
        <row r="48">
          <cell r="A48" t="str">
            <v>水橋東部</v>
          </cell>
          <cell r="I48">
            <v>-1.8</v>
          </cell>
        </row>
        <row r="49">
          <cell r="A49" t="str">
            <v>三郷</v>
          </cell>
          <cell r="I49">
            <v>-1.2</v>
          </cell>
        </row>
        <row r="50">
          <cell r="A50" t="str">
            <v>上条</v>
          </cell>
          <cell r="I50">
            <v>-3.2</v>
          </cell>
        </row>
        <row r="51">
          <cell r="A51" t="str">
            <v>光陽</v>
          </cell>
          <cell r="I51">
            <v>-0.1</v>
          </cell>
        </row>
        <row r="52">
          <cell r="A52" t="str">
            <v>新庄北</v>
          </cell>
          <cell r="I52">
            <v>-0.1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) 富山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18T23:36:25Z</dcterms:created>
  <dcterms:modified xsi:type="dcterms:W3CDTF">2026-02-18T23:36:36Z</dcterms:modified>
</cp:coreProperties>
</file>